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68A4A052-B9CA-4E4D-8C00-68C50C9B99D8}" xr6:coauthVersionLast="47" xr6:coauthVersionMax="47" xr10:uidLastSave="{00000000-0000-0000-0000-000000000000}"/>
  <bookViews>
    <workbookView xWindow="-108" yWindow="-108" windowWidth="23256" windowHeight="12576" xr2:uid="{797B540F-A69E-4110-BCE3-03D2578B8AFE}"/>
  </bookViews>
  <sheets>
    <sheet name="２．ピラミッド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" uniqueCount="1">
  <si>
    <t>２．富山市の人口ピラミッド―令和５年９月末現在―</t>
    <rPh sb="2" eb="5">
      <t>トヤマシ</t>
    </rPh>
    <rPh sb="6" eb="8">
      <t>ジンコウ</t>
    </rPh>
    <rPh sb="14" eb="16">
      <t>レイワ</t>
    </rPh>
    <rPh sb="17" eb="18">
      <t>ネン</t>
    </rPh>
    <rPh sb="19" eb="20">
      <t>ガツ</t>
    </rPh>
    <rPh sb="20" eb="21">
      <t>マツ</t>
    </rPh>
    <rPh sb="21" eb="23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name val="ＭＳ 明朝"/>
      <family val="1"/>
      <charset val="128"/>
    </font>
    <font>
      <b/>
      <sz val="16"/>
      <name val="ＭＳ 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0" fontId="1" fillId="0" borderId="0" xfId="0" applyFont="1" applyAlignment="1">
      <alignment horizontal="lef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8435569983812495E-2"/>
          <c:y val="1.0230187545112979E-2"/>
          <c:w val="0.76190644909130767"/>
          <c:h val="0.9548175042105446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FFCC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E32F-47D5-8DDE-8CE6B1EA6E8A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E32F-47D5-8DDE-8CE6B1EA6E8A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E32F-47D5-8DDE-8CE6B1EA6E8A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E32F-47D5-8DDE-8CE6B1EA6E8A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E32F-47D5-8DDE-8CE6B1EA6E8A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E32F-47D5-8DDE-8CE6B1EA6E8A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E32F-47D5-8DDE-8CE6B1EA6E8A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E32F-47D5-8DDE-8CE6B1EA6E8A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E32F-47D5-8DDE-8CE6B1EA6E8A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32F-47D5-8DDE-8CE6B1EA6E8A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E32F-47D5-8DDE-8CE6B1EA6E8A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E32F-47D5-8DDE-8CE6B1EA6E8A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E32F-47D5-8DDE-8CE6B1EA6E8A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E32F-47D5-8DDE-8CE6B1EA6E8A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E32F-47D5-8DDE-8CE6B1EA6E8A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E32F-47D5-8DDE-8CE6B1EA6E8A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E32F-47D5-8DDE-8CE6B1EA6E8A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E32F-47D5-8DDE-8CE6B1EA6E8A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E32F-47D5-8DDE-8CE6B1EA6E8A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E32F-47D5-8DDE-8CE6B1EA6E8A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E32F-47D5-8DDE-8CE6B1EA6E8A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E32F-47D5-8DDE-8CE6B1EA6E8A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E32F-47D5-8DDE-8CE6B1EA6E8A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E32F-47D5-8DDE-8CE6B1EA6E8A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E32F-47D5-8DDE-8CE6B1EA6E8A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E32F-47D5-8DDE-8CE6B1EA6E8A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E32F-47D5-8DDE-8CE6B1EA6E8A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E32F-47D5-8DDE-8CE6B1EA6E8A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E32F-47D5-8DDE-8CE6B1EA6E8A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E32F-47D5-8DDE-8CE6B1EA6E8A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E32F-47D5-8DDE-8CE6B1EA6E8A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E32F-47D5-8DDE-8CE6B1EA6E8A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E32F-47D5-8DDE-8CE6B1EA6E8A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E32F-47D5-8DDE-8CE6B1EA6E8A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E32F-47D5-8DDE-8CE6B1EA6E8A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E32F-47D5-8DDE-8CE6B1EA6E8A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E32F-47D5-8DDE-8CE6B1EA6E8A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E32F-47D5-8DDE-8CE6B1EA6E8A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E32F-47D5-8DDE-8CE6B1EA6E8A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E32F-47D5-8DDE-8CE6B1EA6E8A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E32F-47D5-8DDE-8CE6B1EA6E8A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E32F-47D5-8DDE-8CE6B1EA6E8A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E32F-47D5-8DDE-8CE6B1EA6E8A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E32F-47D5-8DDE-8CE6B1EA6E8A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E32F-47D5-8DDE-8CE6B1EA6E8A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E32F-47D5-8DDE-8CE6B1EA6E8A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E32F-47D5-8DDE-8CE6B1EA6E8A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E32F-47D5-8DDE-8CE6B1EA6E8A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E32F-47D5-8DDE-8CE6B1EA6E8A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E32F-47D5-8DDE-8CE6B1EA6E8A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E32F-47D5-8DDE-8CE6B1EA6E8A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E32F-47D5-8DDE-8CE6B1EA6E8A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E32F-47D5-8DDE-8CE6B1EA6E8A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E32F-47D5-8DDE-8CE6B1EA6E8A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E32F-47D5-8DDE-8CE6B1EA6E8A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E32F-47D5-8DDE-8CE6B1EA6E8A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E32F-47D5-8DDE-8CE6B1EA6E8A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E32F-47D5-8DDE-8CE6B1EA6E8A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E32F-47D5-8DDE-8CE6B1EA6E8A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E32F-47D5-8DDE-8CE6B1EA6E8A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E32F-47D5-8DDE-8CE6B1EA6E8A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E32F-47D5-8DDE-8CE6B1EA6E8A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E32F-47D5-8DDE-8CE6B1EA6E8A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E32F-47D5-8DDE-8CE6B1EA6E8A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E32F-47D5-8DDE-8CE6B1EA6E8A}"/>
              </c:ext>
            </c:extLst>
          </c:dPt>
          <c:dPt>
            <c:idx val="6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3-E32F-47D5-8DDE-8CE6B1EA6E8A}"/>
              </c:ext>
            </c:extLst>
          </c:dPt>
          <c:dPt>
            <c:idx val="6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5-E32F-47D5-8DDE-8CE6B1EA6E8A}"/>
              </c:ext>
            </c:extLst>
          </c:dPt>
          <c:dPt>
            <c:idx val="6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7-E32F-47D5-8DDE-8CE6B1EA6E8A}"/>
              </c:ext>
            </c:extLst>
          </c:dPt>
          <c:dPt>
            <c:idx val="6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9-E32F-47D5-8DDE-8CE6B1EA6E8A}"/>
              </c:ext>
            </c:extLst>
          </c:dPt>
          <c:dPt>
            <c:idx val="6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B-E32F-47D5-8DDE-8CE6B1EA6E8A}"/>
              </c:ext>
            </c:extLst>
          </c:dPt>
          <c:dPt>
            <c:idx val="7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D-E32F-47D5-8DDE-8CE6B1EA6E8A}"/>
              </c:ext>
            </c:extLst>
          </c:dPt>
          <c:dPt>
            <c:idx val="7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F-E32F-47D5-8DDE-8CE6B1EA6E8A}"/>
              </c:ext>
            </c:extLst>
          </c:dPt>
          <c:dPt>
            <c:idx val="7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1-E32F-47D5-8DDE-8CE6B1EA6E8A}"/>
              </c:ext>
            </c:extLst>
          </c:dPt>
          <c:dPt>
            <c:idx val="7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3-E32F-47D5-8DDE-8CE6B1EA6E8A}"/>
              </c:ext>
            </c:extLst>
          </c:dPt>
          <c:dPt>
            <c:idx val="7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5-E32F-47D5-8DDE-8CE6B1EA6E8A}"/>
              </c:ext>
            </c:extLst>
          </c:dPt>
          <c:dPt>
            <c:idx val="7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7-E32F-47D5-8DDE-8CE6B1EA6E8A}"/>
              </c:ext>
            </c:extLst>
          </c:dPt>
          <c:dPt>
            <c:idx val="7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9-E32F-47D5-8DDE-8CE6B1EA6E8A}"/>
              </c:ext>
            </c:extLst>
          </c:dPt>
          <c:dPt>
            <c:idx val="7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B-E32F-47D5-8DDE-8CE6B1EA6E8A}"/>
              </c:ext>
            </c:extLst>
          </c:dPt>
          <c:dPt>
            <c:idx val="7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D-E32F-47D5-8DDE-8CE6B1EA6E8A}"/>
              </c:ext>
            </c:extLst>
          </c:dPt>
          <c:dPt>
            <c:idx val="7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F-E32F-47D5-8DDE-8CE6B1EA6E8A}"/>
              </c:ext>
            </c:extLst>
          </c:dPt>
          <c:dPt>
            <c:idx val="8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1-E32F-47D5-8DDE-8CE6B1EA6E8A}"/>
              </c:ext>
            </c:extLst>
          </c:dPt>
          <c:dPt>
            <c:idx val="8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3-E32F-47D5-8DDE-8CE6B1EA6E8A}"/>
              </c:ext>
            </c:extLst>
          </c:dPt>
          <c:dPt>
            <c:idx val="8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5-E32F-47D5-8DDE-8CE6B1EA6E8A}"/>
              </c:ext>
            </c:extLst>
          </c:dPt>
          <c:dPt>
            <c:idx val="8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7-E32F-47D5-8DDE-8CE6B1EA6E8A}"/>
              </c:ext>
            </c:extLst>
          </c:dPt>
          <c:dPt>
            <c:idx val="8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9-E32F-47D5-8DDE-8CE6B1EA6E8A}"/>
              </c:ext>
            </c:extLst>
          </c:dPt>
          <c:dPt>
            <c:idx val="8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B-E32F-47D5-8DDE-8CE6B1EA6E8A}"/>
              </c:ext>
            </c:extLst>
          </c:dPt>
          <c:dPt>
            <c:idx val="8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D-E32F-47D5-8DDE-8CE6B1EA6E8A}"/>
              </c:ext>
            </c:extLst>
          </c:dPt>
          <c:dPt>
            <c:idx val="8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F-E32F-47D5-8DDE-8CE6B1EA6E8A}"/>
              </c:ext>
            </c:extLst>
          </c:dPt>
          <c:dPt>
            <c:idx val="8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1-E32F-47D5-8DDE-8CE6B1EA6E8A}"/>
              </c:ext>
            </c:extLst>
          </c:dPt>
          <c:dPt>
            <c:idx val="8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3-E32F-47D5-8DDE-8CE6B1EA6E8A}"/>
              </c:ext>
            </c:extLst>
          </c:dPt>
          <c:dPt>
            <c:idx val="9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5-E32F-47D5-8DDE-8CE6B1EA6E8A}"/>
              </c:ext>
            </c:extLst>
          </c:dPt>
          <c:dPt>
            <c:idx val="9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7-E32F-47D5-8DDE-8CE6B1EA6E8A}"/>
              </c:ext>
            </c:extLst>
          </c:dPt>
          <c:dPt>
            <c:idx val="9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9-E32F-47D5-8DDE-8CE6B1EA6E8A}"/>
              </c:ext>
            </c:extLst>
          </c:dPt>
          <c:dPt>
            <c:idx val="9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B-E32F-47D5-8DDE-8CE6B1EA6E8A}"/>
              </c:ext>
            </c:extLst>
          </c:dPt>
          <c:dPt>
            <c:idx val="9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D-E32F-47D5-8DDE-8CE6B1EA6E8A}"/>
              </c:ext>
            </c:extLst>
          </c:dPt>
          <c:dPt>
            <c:idx val="9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F-E32F-47D5-8DDE-8CE6B1EA6E8A}"/>
              </c:ext>
            </c:extLst>
          </c:dPt>
          <c:dPt>
            <c:idx val="9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1-E32F-47D5-8DDE-8CE6B1EA6E8A}"/>
              </c:ext>
            </c:extLst>
          </c:dPt>
          <c:dPt>
            <c:idx val="9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3-E32F-47D5-8DDE-8CE6B1EA6E8A}"/>
              </c:ext>
            </c:extLst>
          </c:dPt>
          <c:dPt>
            <c:idx val="9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5-E32F-47D5-8DDE-8CE6B1EA6E8A}"/>
              </c:ext>
            </c:extLst>
          </c:dPt>
          <c:dPt>
            <c:idx val="9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7-E32F-47D5-8DDE-8CE6B1EA6E8A}"/>
              </c:ext>
            </c:extLst>
          </c:dPt>
          <c:dPt>
            <c:idx val="10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9-E32F-47D5-8DDE-8CE6B1EA6E8A}"/>
              </c:ext>
            </c:extLst>
          </c:dPt>
          <c:dPt>
            <c:idx val="10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B-E32F-47D5-8DDE-8CE6B1EA6E8A}"/>
              </c:ext>
            </c:extLst>
          </c:dPt>
          <c:cat>
            <c:strRef>
              <c:f>[1]ピラミッドのデータ!$C$3:$C$104</c:f>
              <c:strCache>
                <c:ptCount val="102"/>
                <c:pt idx="0">
                  <c:v>   　0</c:v>
                </c:pt>
                <c:pt idx="1">
                  <c:v>   　1</c:v>
                </c:pt>
                <c:pt idx="2">
                  <c:v>   　2</c:v>
                </c:pt>
                <c:pt idx="3">
                  <c:v>   　3</c:v>
                </c:pt>
                <c:pt idx="4">
                  <c:v>   　4</c:v>
                </c:pt>
                <c:pt idx="5">
                  <c:v>   　5</c:v>
                </c:pt>
                <c:pt idx="6">
                  <c:v>   　6</c:v>
                </c:pt>
                <c:pt idx="7">
                  <c:v>   　7</c:v>
                </c:pt>
                <c:pt idx="8">
                  <c:v>   　8</c:v>
                </c:pt>
                <c:pt idx="9">
                  <c:v>   　9</c:v>
                </c:pt>
                <c:pt idx="10">
                  <c:v>  　10</c:v>
                </c:pt>
                <c:pt idx="11">
                  <c:v>  　11</c:v>
                </c:pt>
                <c:pt idx="12">
                  <c:v>  　12</c:v>
                </c:pt>
                <c:pt idx="13">
                  <c:v>  　13</c:v>
                </c:pt>
                <c:pt idx="14">
                  <c:v>  　14</c:v>
                </c:pt>
                <c:pt idx="15">
                  <c:v>  　15</c:v>
                </c:pt>
                <c:pt idx="16">
                  <c:v>  　16</c:v>
                </c:pt>
                <c:pt idx="17">
                  <c:v>  　17</c:v>
                </c:pt>
                <c:pt idx="18">
                  <c:v>  　18</c:v>
                </c:pt>
                <c:pt idx="19">
                  <c:v>  　19</c:v>
                </c:pt>
                <c:pt idx="20">
                  <c:v>  　20</c:v>
                </c:pt>
                <c:pt idx="21">
                  <c:v>  　21</c:v>
                </c:pt>
                <c:pt idx="22">
                  <c:v>  　22</c:v>
                </c:pt>
                <c:pt idx="23">
                  <c:v>  　23</c:v>
                </c:pt>
                <c:pt idx="24">
                  <c:v>  　24</c:v>
                </c:pt>
                <c:pt idx="25">
                  <c:v>  　25</c:v>
                </c:pt>
                <c:pt idx="26">
                  <c:v>  　26</c:v>
                </c:pt>
                <c:pt idx="27">
                  <c:v>  　27</c:v>
                </c:pt>
                <c:pt idx="28">
                  <c:v>  　28</c:v>
                </c:pt>
                <c:pt idx="29">
                  <c:v>  　29</c:v>
                </c:pt>
                <c:pt idx="30">
                  <c:v>  　30</c:v>
                </c:pt>
                <c:pt idx="31">
                  <c:v>  　31</c:v>
                </c:pt>
                <c:pt idx="32">
                  <c:v>  　32</c:v>
                </c:pt>
                <c:pt idx="33">
                  <c:v>  　33</c:v>
                </c:pt>
                <c:pt idx="34">
                  <c:v>  　34</c:v>
                </c:pt>
                <c:pt idx="35">
                  <c:v>  　35</c:v>
                </c:pt>
                <c:pt idx="36">
                  <c:v>  　36</c:v>
                </c:pt>
                <c:pt idx="37">
                  <c:v>  　37</c:v>
                </c:pt>
                <c:pt idx="38">
                  <c:v>  　38</c:v>
                </c:pt>
                <c:pt idx="39">
                  <c:v>  　39</c:v>
                </c:pt>
                <c:pt idx="40">
                  <c:v>  　40</c:v>
                </c:pt>
                <c:pt idx="41">
                  <c:v>  　41</c:v>
                </c:pt>
                <c:pt idx="42">
                  <c:v>  　42</c:v>
                </c:pt>
                <c:pt idx="43">
                  <c:v>  　43</c:v>
                </c:pt>
                <c:pt idx="44">
                  <c:v>  　44</c:v>
                </c:pt>
                <c:pt idx="45">
                  <c:v>  　45</c:v>
                </c:pt>
                <c:pt idx="46">
                  <c:v>  　46</c:v>
                </c:pt>
                <c:pt idx="47">
                  <c:v>  　47</c:v>
                </c:pt>
                <c:pt idx="48">
                  <c:v>  　48</c:v>
                </c:pt>
                <c:pt idx="49">
                  <c:v>  　49</c:v>
                </c:pt>
                <c:pt idx="50">
                  <c:v>  　50</c:v>
                </c:pt>
                <c:pt idx="51">
                  <c:v>  　51</c:v>
                </c:pt>
                <c:pt idx="52">
                  <c:v>  　52</c:v>
                </c:pt>
                <c:pt idx="53">
                  <c:v>  　53</c:v>
                </c:pt>
                <c:pt idx="54">
                  <c:v>  　54</c:v>
                </c:pt>
                <c:pt idx="55">
                  <c:v>  　55</c:v>
                </c:pt>
                <c:pt idx="56">
                  <c:v>  　56</c:v>
                </c:pt>
                <c:pt idx="57">
                  <c:v>  　57</c:v>
                </c:pt>
                <c:pt idx="58">
                  <c:v>  　58</c:v>
                </c:pt>
                <c:pt idx="59">
                  <c:v>  　59</c:v>
                </c:pt>
                <c:pt idx="60">
                  <c:v>  　60</c:v>
                </c:pt>
                <c:pt idx="61">
                  <c:v>  　61</c:v>
                </c:pt>
                <c:pt idx="62">
                  <c:v>  　62</c:v>
                </c:pt>
                <c:pt idx="63">
                  <c:v>  　63</c:v>
                </c:pt>
                <c:pt idx="64">
                  <c:v>  　64</c:v>
                </c:pt>
                <c:pt idx="65">
                  <c:v>  　65</c:v>
                </c:pt>
                <c:pt idx="66">
                  <c:v>  　66</c:v>
                </c:pt>
                <c:pt idx="67">
                  <c:v>  　67</c:v>
                </c:pt>
                <c:pt idx="68">
                  <c:v>  　68</c:v>
                </c:pt>
                <c:pt idx="69">
                  <c:v>  　69</c:v>
                </c:pt>
                <c:pt idx="70">
                  <c:v>  　70</c:v>
                </c:pt>
                <c:pt idx="71">
                  <c:v>  　71</c:v>
                </c:pt>
                <c:pt idx="72">
                  <c:v>  　72</c:v>
                </c:pt>
                <c:pt idx="73">
                  <c:v>  　73</c:v>
                </c:pt>
                <c:pt idx="74">
                  <c:v>  　74</c:v>
                </c:pt>
                <c:pt idx="75">
                  <c:v>  　75</c:v>
                </c:pt>
                <c:pt idx="76">
                  <c:v>  　76</c:v>
                </c:pt>
                <c:pt idx="77">
                  <c:v>  　77</c:v>
                </c:pt>
                <c:pt idx="78">
                  <c:v>  　78</c:v>
                </c:pt>
                <c:pt idx="79">
                  <c:v>  　79</c:v>
                </c:pt>
                <c:pt idx="80">
                  <c:v>  　80</c:v>
                </c:pt>
                <c:pt idx="81">
                  <c:v>  　81</c:v>
                </c:pt>
                <c:pt idx="82">
                  <c:v>  　82</c:v>
                </c:pt>
                <c:pt idx="83">
                  <c:v>  　83</c:v>
                </c:pt>
                <c:pt idx="84">
                  <c:v>  　84</c:v>
                </c:pt>
                <c:pt idx="85">
                  <c:v>  　85</c:v>
                </c:pt>
                <c:pt idx="86">
                  <c:v>  　86</c:v>
                </c:pt>
                <c:pt idx="87">
                  <c:v>  　87</c:v>
                </c:pt>
                <c:pt idx="88">
                  <c:v>  　88</c:v>
                </c:pt>
                <c:pt idx="89">
                  <c:v>  　89</c:v>
                </c:pt>
                <c:pt idx="90">
                  <c:v>  　90</c:v>
                </c:pt>
                <c:pt idx="91">
                  <c:v>  　91</c:v>
                </c:pt>
                <c:pt idx="92">
                  <c:v>  　92</c:v>
                </c:pt>
                <c:pt idx="93">
                  <c:v>  　93</c:v>
                </c:pt>
                <c:pt idx="94">
                  <c:v>  　94</c:v>
                </c:pt>
                <c:pt idx="95">
                  <c:v>  　95</c:v>
                </c:pt>
                <c:pt idx="96">
                  <c:v>  　96</c:v>
                </c:pt>
                <c:pt idx="97">
                  <c:v>  　97</c:v>
                </c:pt>
                <c:pt idx="98">
                  <c:v>  　98</c:v>
                </c:pt>
                <c:pt idx="99">
                  <c:v>  　99</c:v>
                </c:pt>
                <c:pt idx="100">
                  <c:v>   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D$3:$D$105</c:f>
              <c:numCache>
                <c:formatCode>#,##0</c:formatCode>
                <c:ptCount val="103"/>
                <c:pt idx="0">
                  <c:v>-1263</c:v>
                </c:pt>
                <c:pt idx="1">
                  <c:v>-1351</c:v>
                </c:pt>
                <c:pt idx="2">
                  <c:v>-1361</c:v>
                </c:pt>
                <c:pt idx="3">
                  <c:v>-1435</c:v>
                </c:pt>
                <c:pt idx="4">
                  <c:v>-1493</c:v>
                </c:pt>
                <c:pt idx="5">
                  <c:v>-1535</c:v>
                </c:pt>
                <c:pt idx="6">
                  <c:v>-1573</c:v>
                </c:pt>
                <c:pt idx="7">
                  <c:v>-1663</c:v>
                </c:pt>
                <c:pt idx="8">
                  <c:v>-1658</c:v>
                </c:pt>
                <c:pt idx="9">
                  <c:v>-1578</c:v>
                </c:pt>
                <c:pt idx="10">
                  <c:v>-1662</c:v>
                </c:pt>
                <c:pt idx="11">
                  <c:v>-1722</c:v>
                </c:pt>
                <c:pt idx="12">
                  <c:v>-1761</c:v>
                </c:pt>
                <c:pt idx="13">
                  <c:v>-1792</c:v>
                </c:pt>
                <c:pt idx="14">
                  <c:v>-1791</c:v>
                </c:pt>
                <c:pt idx="15">
                  <c:v>-1848</c:v>
                </c:pt>
                <c:pt idx="16">
                  <c:v>-1789</c:v>
                </c:pt>
                <c:pt idx="17">
                  <c:v>-1868</c:v>
                </c:pt>
                <c:pt idx="18">
                  <c:v>-1905</c:v>
                </c:pt>
                <c:pt idx="19">
                  <c:v>-2022</c:v>
                </c:pt>
                <c:pt idx="20">
                  <c:v>-1978</c:v>
                </c:pt>
                <c:pt idx="21">
                  <c:v>-2178</c:v>
                </c:pt>
                <c:pt idx="22">
                  <c:v>-2182</c:v>
                </c:pt>
                <c:pt idx="23">
                  <c:v>-2243</c:v>
                </c:pt>
                <c:pt idx="24">
                  <c:v>-2120</c:v>
                </c:pt>
                <c:pt idx="25">
                  <c:v>-2213</c:v>
                </c:pt>
                <c:pt idx="26">
                  <c:v>-2123</c:v>
                </c:pt>
                <c:pt idx="27">
                  <c:v>-2210</c:v>
                </c:pt>
                <c:pt idx="28">
                  <c:v>-2195</c:v>
                </c:pt>
                <c:pt idx="29">
                  <c:v>-2130</c:v>
                </c:pt>
                <c:pt idx="30">
                  <c:v>-2053</c:v>
                </c:pt>
                <c:pt idx="31">
                  <c:v>-1997</c:v>
                </c:pt>
                <c:pt idx="32">
                  <c:v>-2030</c:v>
                </c:pt>
                <c:pt idx="33">
                  <c:v>-2130</c:v>
                </c:pt>
                <c:pt idx="34">
                  <c:v>-2181</c:v>
                </c:pt>
                <c:pt idx="35">
                  <c:v>-2164</c:v>
                </c:pt>
                <c:pt idx="36">
                  <c:v>-2156</c:v>
                </c:pt>
                <c:pt idx="37">
                  <c:v>-2288</c:v>
                </c:pt>
                <c:pt idx="38">
                  <c:v>-2363</c:v>
                </c:pt>
                <c:pt idx="39">
                  <c:v>-2440</c:v>
                </c:pt>
                <c:pt idx="40">
                  <c:v>-2457</c:v>
                </c:pt>
                <c:pt idx="41">
                  <c:v>-2480</c:v>
                </c:pt>
                <c:pt idx="42">
                  <c:v>-2406</c:v>
                </c:pt>
                <c:pt idx="43">
                  <c:v>-2556</c:v>
                </c:pt>
                <c:pt idx="44">
                  <c:v>-2646</c:v>
                </c:pt>
                <c:pt idx="45">
                  <c:v>-2988</c:v>
                </c:pt>
                <c:pt idx="46">
                  <c:v>-2939</c:v>
                </c:pt>
                <c:pt idx="47">
                  <c:v>-3173</c:v>
                </c:pt>
                <c:pt idx="48">
                  <c:v>-3315</c:v>
                </c:pt>
                <c:pt idx="49">
                  <c:v>-3492</c:v>
                </c:pt>
                <c:pt idx="50">
                  <c:v>-3540</c:v>
                </c:pt>
                <c:pt idx="51">
                  <c:v>-3514</c:v>
                </c:pt>
                <c:pt idx="52">
                  <c:v>-3262</c:v>
                </c:pt>
                <c:pt idx="53">
                  <c:v>-3149</c:v>
                </c:pt>
                <c:pt idx="54">
                  <c:v>-3151</c:v>
                </c:pt>
                <c:pt idx="55">
                  <c:v>-2884</c:v>
                </c:pt>
                <c:pt idx="56">
                  <c:v>-2856</c:v>
                </c:pt>
                <c:pt idx="57">
                  <c:v>-2120</c:v>
                </c:pt>
                <c:pt idx="58">
                  <c:v>-2625</c:v>
                </c:pt>
                <c:pt idx="59">
                  <c:v>-2532</c:v>
                </c:pt>
                <c:pt idx="60">
                  <c:v>-2547</c:v>
                </c:pt>
                <c:pt idx="61">
                  <c:v>-2263</c:v>
                </c:pt>
                <c:pt idx="62">
                  <c:v>-2272</c:v>
                </c:pt>
                <c:pt idx="63">
                  <c:v>-2358</c:v>
                </c:pt>
                <c:pt idx="64">
                  <c:v>-2284</c:v>
                </c:pt>
                <c:pt idx="65">
                  <c:v>-2212</c:v>
                </c:pt>
                <c:pt idx="66">
                  <c:v>-2162</c:v>
                </c:pt>
                <c:pt idx="67">
                  <c:v>-2224</c:v>
                </c:pt>
                <c:pt idx="68">
                  <c:v>-2446</c:v>
                </c:pt>
                <c:pt idx="69">
                  <c:v>-2357</c:v>
                </c:pt>
                <c:pt idx="70">
                  <c:v>-2521</c:v>
                </c:pt>
                <c:pt idx="71">
                  <c:v>-2516</c:v>
                </c:pt>
                <c:pt idx="72">
                  <c:v>-2560</c:v>
                </c:pt>
                <c:pt idx="73">
                  <c:v>-2901</c:v>
                </c:pt>
                <c:pt idx="74">
                  <c:v>-3222</c:v>
                </c:pt>
                <c:pt idx="75">
                  <c:v>-3183</c:v>
                </c:pt>
                <c:pt idx="76">
                  <c:v>-3244</c:v>
                </c:pt>
                <c:pt idx="77">
                  <c:v>-1657</c:v>
                </c:pt>
                <c:pt idx="78">
                  <c:v>-1726</c:v>
                </c:pt>
                <c:pt idx="79">
                  <c:v>-2169</c:v>
                </c:pt>
                <c:pt idx="80">
                  <c:v>-1935</c:v>
                </c:pt>
                <c:pt idx="81">
                  <c:v>-2021</c:v>
                </c:pt>
                <c:pt idx="82">
                  <c:v>-1752</c:v>
                </c:pt>
                <c:pt idx="83">
                  <c:v>-1499</c:v>
                </c:pt>
                <c:pt idx="84">
                  <c:v>-1169</c:v>
                </c:pt>
                <c:pt idx="85">
                  <c:v>-1125</c:v>
                </c:pt>
                <c:pt idx="86">
                  <c:v>-1078</c:v>
                </c:pt>
                <c:pt idx="87">
                  <c:v>-974</c:v>
                </c:pt>
                <c:pt idx="88">
                  <c:v>-771</c:v>
                </c:pt>
                <c:pt idx="89">
                  <c:v>-692</c:v>
                </c:pt>
                <c:pt idx="90">
                  <c:v>-557</c:v>
                </c:pt>
                <c:pt idx="91">
                  <c:v>-409</c:v>
                </c:pt>
                <c:pt idx="92">
                  <c:v>-361</c:v>
                </c:pt>
                <c:pt idx="93">
                  <c:v>-272</c:v>
                </c:pt>
                <c:pt idx="94">
                  <c:v>-203</c:v>
                </c:pt>
                <c:pt idx="95">
                  <c:v>-148</c:v>
                </c:pt>
                <c:pt idx="96">
                  <c:v>-116</c:v>
                </c:pt>
                <c:pt idx="97">
                  <c:v>-86</c:v>
                </c:pt>
                <c:pt idx="98">
                  <c:v>-36</c:v>
                </c:pt>
                <c:pt idx="99">
                  <c:v>-32</c:v>
                </c:pt>
                <c:pt idx="100">
                  <c:v>-16</c:v>
                </c:pt>
                <c:pt idx="101">
                  <c:v>-26</c:v>
                </c:pt>
                <c:pt idx="102" formatCode="#,##0_ 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CC-E32F-47D5-8DDE-8CE6B1EA6E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161550088"/>
        <c:axId val="161550872"/>
      </c:barChart>
      <c:catAx>
        <c:axId val="16155008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@" sourceLinked="0"/>
        <c:majorTickMark val="none"/>
        <c:minorTickMark val="none"/>
        <c:tickLblPos val="high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16155087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161550872"/>
        <c:scaling>
          <c:orientation val="minMax"/>
          <c:min val="-5000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161550088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1" l="0.75" r="0.75" t="1" header="0.5" footer="0.5"/>
    <c:pageSetup paperSize="12" orientation="portrait" horizontalDpi="300" verticalDpi="30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6.9825436408977551E-2"/>
          <c:y val="9.3776719163535648E-3"/>
          <c:w val="0.82294264339152123"/>
          <c:h val="0.95396498858178536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9DC4-4887-899D-AB54DD38A46B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9DC4-4887-899D-AB54DD38A46B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9DC4-4887-899D-AB54DD38A46B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9DC4-4887-899D-AB54DD38A46B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9DC4-4887-899D-AB54DD38A46B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9DC4-4887-899D-AB54DD38A46B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9DC4-4887-899D-AB54DD38A46B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9DC4-4887-899D-AB54DD38A46B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9DC4-4887-899D-AB54DD38A46B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9DC4-4887-899D-AB54DD38A46B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9DC4-4887-899D-AB54DD38A46B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9DC4-4887-899D-AB54DD38A46B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9DC4-4887-899D-AB54DD38A46B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9DC4-4887-899D-AB54DD38A46B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9DC4-4887-899D-AB54DD38A46B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9DC4-4887-899D-AB54DD38A46B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9DC4-4887-899D-AB54DD38A46B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9DC4-4887-899D-AB54DD38A46B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9DC4-4887-899D-AB54DD38A46B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9DC4-4887-899D-AB54DD38A46B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9DC4-4887-899D-AB54DD38A46B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9DC4-4887-899D-AB54DD38A46B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9DC4-4887-899D-AB54DD38A46B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9DC4-4887-899D-AB54DD38A46B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9DC4-4887-899D-AB54DD38A46B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9DC4-4887-899D-AB54DD38A46B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9DC4-4887-899D-AB54DD38A46B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9DC4-4887-899D-AB54DD38A46B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9DC4-4887-899D-AB54DD38A46B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9DC4-4887-899D-AB54DD38A46B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9DC4-4887-899D-AB54DD38A46B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9DC4-4887-899D-AB54DD38A46B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9DC4-4887-899D-AB54DD38A46B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9DC4-4887-899D-AB54DD38A46B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9DC4-4887-899D-AB54DD38A46B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9DC4-4887-899D-AB54DD38A46B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9DC4-4887-899D-AB54DD38A46B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9DC4-4887-899D-AB54DD38A46B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9DC4-4887-899D-AB54DD38A46B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9DC4-4887-899D-AB54DD38A46B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9DC4-4887-899D-AB54DD38A46B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9DC4-4887-899D-AB54DD38A46B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9DC4-4887-899D-AB54DD38A46B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9DC4-4887-899D-AB54DD38A46B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9DC4-4887-899D-AB54DD38A46B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9DC4-4887-899D-AB54DD38A46B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9DC4-4887-899D-AB54DD38A46B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9DC4-4887-899D-AB54DD38A46B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9DC4-4887-899D-AB54DD38A46B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9DC4-4887-899D-AB54DD38A46B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9DC4-4887-899D-AB54DD38A46B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9DC4-4887-899D-AB54DD38A46B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9DC4-4887-899D-AB54DD38A46B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9DC4-4887-899D-AB54DD38A46B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9DC4-4887-899D-AB54DD38A46B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9DC4-4887-899D-AB54DD38A46B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9DC4-4887-899D-AB54DD38A46B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9DC4-4887-899D-AB54DD38A46B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9DC4-4887-899D-AB54DD38A46B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9DC4-4887-899D-AB54DD38A46B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9DC4-4887-899D-AB54DD38A46B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9DC4-4887-899D-AB54DD38A46B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9DC4-4887-899D-AB54DD38A46B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9DC4-4887-899D-AB54DD38A46B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9DC4-4887-899D-AB54DD38A46B}"/>
              </c:ext>
            </c:extLst>
          </c:dPt>
          <c:cat>
            <c:strRef>
              <c:f>[1]ピラミッドのデータ!$A$3:$A$105</c:f>
              <c:strCache>
                <c:ptCount val="102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E$3:$E$105</c:f>
              <c:numCache>
                <c:formatCode>#,##0_);[Red]\(#,##0\)</c:formatCode>
                <c:ptCount val="103"/>
                <c:pt idx="0">
                  <c:v>1223</c:v>
                </c:pt>
                <c:pt idx="1">
                  <c:v>1256</c:v>
                </c:pt>
                <c:pt idx="2">
                  <c:v>1326</c:v>
                </c:pt>
                <c:pt idx="3">
                  <c:v>1387</c:v>
                </c:pt>
                <c:pt idx="4">
                  <c:v>1443</c:v>
                </c:pt>
                <c:pt idx="5">
                  <c:v>1488</c:v>
                </c:pt>
                <c:pt idx="6">
                  <c:v>1493</c:v>
                </c:pt>
                <c:pt idx="7">
                  <c:v>1579</c:v>
                </c:pt>
                <c:pt idx="8">
                  <c:v>1549</c:v>
                </c:pt>
                <c:pt idx="9">
                  <c:v>1570</c:v>
                </c:pt>
                <c:pt idx="10">
                  <c:v>1611</c:v>
                </c:pt>
                <c:pt idx="11">
                  <c:v>1610</c:v>
                </c:pt>
                <c:pt idx="12">
                  <c:v>1650</c:v>
                </c:pt>
                <c:pt idx="13">
                  <c:v>1706</c:v>
                </c:pt>
                <c:pt idx="14">
                  <c:v>1665</c:v>
                </c:pt>
                <c:pt idx="15">
                  <c:v>1802</c:v>
                </c:pt>
                <c:pt idx="16">
                  <c:v>1738</c:v>
                </c:pt>
                <c:pt idx="17">
                  <c:v>1775</c:v>
                </c:pt>
                <c:pt idx="18">
                  <c:v>1735</c:v>
                </c:pt>
                <c:pt idx="19">
                  <c:v>1916</c:v>
                </c:pt>
                <c:pt idx="20">
                  <c:v>1856</c:v>
                </c:pt>
                <c:pt idx="21">
                  <c:v>1896</c:v>
                </c:pt>
                <c:pt idx="22">
                  <c:v>1933</c:v>
                </c:pt>
                <c:pt idx="23">
                  <c:v>1806</c:v>
                </c:pt>
                <c:pt idx="24">
                  <c:v>1867</c:v>
                </c:pt>
                <c:pt idx="25">
                  <c:v>1842</c:v>
                </c:pt>
                <c:pt idx="26">
                  <c:v>1857</c:v>
                </c:pt>
                <c:pt idx="27">
                  <c:v>1884</c:v>
                </c:pt>
                <c:pt idx="28">
                  <c:v>1880</c:v>
                </c:pt>
                <c:pt idx="29">
                  <c:v>1821</c:v>
                </c:pt>
                <c:pt idx="30">
                  <c:v>1894</c:v>
                </c:pt>
                <c:pt idx="31">
                  <c:v>1791</c:v>
                </c:pt>
                <c:pt idx="32">
                  <c:v>1814</c:v>
                </c:pt>
                <c:pt idx="33">
                  <c:v>1890</c:v>
                </c:pt>
                <c:pt idx="34">
                  <c:v>1893</c:v>
                </c:pt>
                <c:pt idx="35">
                  <c:v>1923</c:v>
                </c:pt>
                <c:pt idx="36">
                  <c:v>2080</c:v>
                </c:pt>
                <c:pt idx="37">
                  <c:v>2165</c:v>
                </c:pt>
                <c:pt idx="38">
                  <c:v>2252</c:v>
                </c:pt>
                <c:pt idx="39">
                  <c:v>2219</c:v>
                </c:pt>
                <c:pt idx="40">
                  <c:v>2170</c:v>
                </c:pt>
                <c:pt idx="41">
                  <c:v>2338</c:v>
                </c:pt>
                <c:pt idx="42">
                  <c:v>2362</c:v>
                </c:pt>
                <c:pt idx="43">
                  <c:v>2436</c:v>
                </c:pt>
                <c:pt idx="44">
                  <c:v>2587</c:v>
                </c:pt>
                <c:pt idx="45">
                  <c:v>2646</c:v>
                </c:pt>
                <c:pt idx="46">
                  <c:v>2797</c:v>
                </c:pt>
                <c:pt idx="47">
                  <c:v>2875</c:v>
                </c:pt>
                <c:pt idx="48">
                  <c:v>3270</c:v>
                </c:pt>
                <c:pt idx="49">
                  <c:v>3380</c:v>
                </c:pt>
                <c:pt idx="50">
                  <c:v>3412</c:v>
                </c:pt>
                <c:pt idx="51">
                  <c:v>3373</c:v>
                </c:pt>
                <c:pt idx="52">
                  <c:v>3217</c:v>
                </c:pt>
                <c:pt idx="53">
                  <c:v>2935</c:v>
                </c:pt>
                <c:pt idx="54">
                  <c:v>2916</c:v>
                </c:pt>
                <c:pt idx="55">
                  <c:v>2881</c:v>
                </c:pt>
                <c:pt idx="56">
                  <c:v>2845</c:v>
                </c:pt>
                <c:pt idx="57">
                  <c:v>2165</c:v>
                </c:pt>
                <c:pt idx="58">
                  <c:v>2736</c:v>
                </c:pt>
                <c:pt idx="59">
                  <c:v>2516</c:v>
                </c:pt>
                <c:pt idx="60">
                  <c:v>2529</c:v>
                </c:pt>
                <c:pt idx="61">
                  <c:v>2285</c:v>
                </c:pt>
                <c:pt idx="62">
                  <c:v>2452</c:v>
                </c:pt>
                <c:pt idx="63">
                  <c:v>2402</c:v>
                </c:pt>
                <c:pt idx="64">
                  <c:v>2435</c:v>
                </c:pt>
                <c:pt idx="65">
                  <c:v>2354</c:v>
                </c:pt>
                <c:pt idx="66">
                  <c:v>2237</c:v>
                </c:pt>
                <c:pt idx="67">
                  <c:v>2424</c:v>
                </c:pt>
                <c:pt idx="68">
                  <c:v>2649</c:v>
                </c:pt>
                <c:pt idx="69">
                  <c:v>2522</c:v>
                </c:pt>
                <c:pt idx="70">
                  <c:v>2817</c:v>
                </c:pt>
                <c:pt idx="71">
                  <c:v>2768</c:v>
                </c:pt>
                <c:pt idx="72">
                  <c:v>2961</c:v>
                </c:pt>
                <c:pt idx="73">
                  <c:v>3363</c:v>
                </c:pt>
                <c:pt idx="74">
                  <c:v>3638</c:v>
                </c:pt>
                <c:pt idx="75">
                  <c:v>3733</c:v>
                </c:pt>
                <c:pt idx="76">
                  <c:v>4027</c:v>
                </c:pt>
                <c:pt idx="77">
                  <c:v>2020</c:v>
                </c:pt>
                <c:pt idx="78">
                  <c:v>2223</c:v>
                </c:pt>
                <c:pt idx="79">
                  <c:v>2916</c:v>
                </c:pt>
                <c:pt idx="80">
                  <c:v>2638</c:v>
                </c:pt>
                <c:pt idx="81">
                  <c:v>2815</c:v>
                </c:pt>
                <c:pt idx="82">
                  <c:v>2494</c:v>
                </c:pt>
                <c:pt idx="83">
                  <c:v>2162</c:v>
                </c:pt>
                <c:pt idx="84">
                  <c:v>1760</c:v>
                </c:pt>
                <c:pt idx="85">
                  <c:v>1766</c:v>
                </c:pt>
                <c:pt idx="86">
                  <c:v>1855</c:v>
                </c:pt>
                <c:pt idx="87">
                  <c:v>1983</c:v>
                </c:pt>
                <c:pt idx="88">
                  <c:v>1445</c:v>
                </c:pt>
                <c:pt idx="89">
                  <c:v>1511</c:v>
                </c:pt>
                <c:pt idx="90">
                  <c:v>1438</c:v>
                </c:pt>
                <c:pt idx="91">
                  <c:v>1258</c:v>
                </c:pt>
                <c:pt idx="92">
                  <c:v>1047</c:v>
                </c:pt>
                <c:pt idx="93">
                  <c:v>798</c:v>
                </c:pt>
                <c:pt idx="94">
                  <c:v>709</c:v>
                </c:pt>
                <c:pt idx="95">
                  <c:v>551</c:v>
                </c:pt>
                <c:pt idx="96">
                  <c:v>429</c:v>
                </c:pt>
                <c:pt idx="97">
                  <c:v>344</c:v>
                </c:pt>
                <c:pt idx="98">
                  <c:v>267</c:v>
                </c:pt>
                <c:pt idx="99">
                  <c:v>153</c:v>
                </c:pt>
                <c:pt idx="100">
                  <c:v>108</c:v>
                </c:pt>
                <c:pt idx="101">
                  <c:v>199</c:v>
                </c:pt>
                <c:pt idx="102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82-9DC4-4887-899D-AB54DD38A4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471201576"/>
        <c:axId val="471204712"/>
      </c:barChart>
      <c:catAx>
        <c:axId val="47120157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General" sourceLinked="1"/>
        <c:majorTickMark val="none"/>
        <c:minorTickMark val="none"/>
        <c:tickLblPos val="none"/>
        <c:spPr>
          <a:ln w="3175">
            <a:solidFill>
              <a:srgbClr val="000000"/>
            </a:solidFill>
            <a:prstDash val="solid"/>
          </a:ln>
        </c:spPr>
        <c:crossAx val="47120471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471204712"/>
        <c:scaling>
          <c:orientation val="minMax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1576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6675</xdr:colOff>
      <xdr:row>5</xdr:row>
      <xdr:rowOff>66675</xdr:rowOff>
    </xdr:from>
    <xdr:to>
      <xdr:col>6</xdr:col>
      <xdr:colOff>152400</xdr:colOff>
      <xdr:row>70</xdr:row>
      <xdr:rowOff>95250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61C6A863-CD90-4E7C-ABB3-464F0489AA3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4</xdr:col>
      <xdr:colOff>152400</xdr:colOff>
      <xdr:row>38</xdr:row>
      <xdr:rowOff>165538</xdr:rowOff>
    </xdr:from>
    <xdr:to>
      <xdr:col>4</xdr:col>
      <xdr:colOff>552450</xdr:colOff>
      <xdr:row>40</xdr:row>
      <xdr:rowOff>165538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947EE2EC-0639-4634-B80F-FE90D646D319}"/>
            </a:ext>
          </a:extLst>
        </xdr:cNvPr>
        <xdr:cNvSpPr txBox="1">
          <a:spLocks noChangeArrowheads="1"/>
        </xdr:cNvSpPr>
      </xdr:nvSpPr>
      <xdr:spPr bwMode="auto">
        <a:xfrm>
          <a:off x="2590800" y="6612058"/>
          <a:ext cx="400050" cy="33528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男</a:t>
          </a:r>
          <a:endParaRPr lang="ja-JP" altLang="en-US"/>
        </a:p>
      </xdr:txBody>
    </xdr:sp>
    <xdr:clientData/>
  </xdr:twoCellAnchor>
  <xdr:twoCellAnchor>
    <xdr:from>
      <xdr:col>6</xdr:col>
      <xdr:colOff>76857</xdr:colOff>
      <xdr:row>5</xdr:row>
      <xdr:rowOff>106746</xdr:rowOff>
    </xdr:from>
    <xdr:to>
      <xdr:col>11</xdr:col>
      <xdr:colOff>467382</xdr:colOff>
      <xdr:row>70</xdr:row>
      <xdr:rowOff>13532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C6733DF5-FFCF-4B9C-A8BD-E9368BF0CF6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6</xdr:col>
      <xdr:colOff>676275</xdr:colOff>
      <xdr:row>38</xdr:row>
      <xdr:rowOff>160611</xdr:rowOff>
    </xdr:from>
    <xdr:to>
      <xdr:col>7</xdr:col>
      <xdr:colOff>390525</xdr:colOff>
      <xdr:row>40</xdr:row>
      <xdr:rowOff>160611</xdr:rowOff>
    </xdr:to>
    <xdr:sp macro="" textlink="">
      <xdr:nvSpPr>
        <xdr:cNvPr id="5" name="Text Box 10">
          <a:extLst>
            <a:ext uri="{FF2B5EF4-FFF2-40B4-BE49-F238E27FC236}">
              <a16:creationId xmlns:a16="http://schemas.microsoft.com/office/drawing/2014/main" id="{91FD1F8F-404B-4DF1-85A5-D13A14BA496E}"/>
            </a:ext>
          </a:extLst>
        </xdr:cNvPr>
        <xdr:cNvSpPr txBox="1">
          <a:spLocks noChangeArrowheads="1"/>
        </xdr:cNvSpPr>
      </xdr:nvSpPr>
      <xdr:spPr bwMode="auto">
        <a:xfrm>
          <a:off x="4265295" y="6607131"/>
          <a:ext cx="392430" cy="33528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女</a:t>
          </a:r>
          <a:endParaRPr lang="ja-JP" altLang="en-US"/>
        </a:p>
      </xdr:txBody>
    </xdr:sp>
    <xdr:clientData/>
  </xdr:twoCellAnchor>
  <xdr:twoCellAnchor>
    <xdr:from>
      <xdr:col>9</xdr:col>
      <xdr:colOff>274414</xdr:colOff>
      <xdr:row>25</xdr:row>
      <xdr:rowOff>49797</xdr:rowOff>
    </xdr:from>
    <xdr:to>
      <xdr:col>11</xdr:col>
      <xdr:colOff>7714</xdr:colOff>
      <xdr:row>28</xdr:row>
      <xdr:rowOff>5456</xdr:rowOff>
    </xdr:to>
    <xdr:sp macro="" textlink="">
      <xdr:nvSpPr>
        <xdr:cNvPr id="6" name="AutoShape 11">
          <a:extLst>
            <a:ext uri="{FF2B5EF4-FFF2-40B4-BE49-F238E27FC236}">
              <a16:creationId xmlns:a16="http://schemas.microsoft.com/office/drawing/2014/main" id="{71E236BB-7987-4D03-88F3-BAE9AA0D59AE}"/>
            </a:ext>
          </a:extLst>
        </xdr:cNvPr>
        <xdr:cNvSpPr>
          <a:spLocks noChangeArrowheads="1"/>
        </xdr:cNvSpPr>
      </xdr:nvSpPr>
      <xdr:spPr bwMode="auto">
        <a:xfrm>
          <a:off x="5760814" y="4316997"/>
          <a:ext cx="952500" cy="458579"/>
        </a:xfrm>
        <a:prstGeom prst="wedgeRoundRectCallout">
          <a:avLst>
            <a:gd name="adj1" fmla="val 7736"/>
            <a:gd name="adj2" fmla="val -144665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昭和22年～24年</a:t>
          </a: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第1次ﾍﾞﾋﾞｰﾌﾞｰﾑ</a:t>
          </a:r>
          <a:endParaRPr lang="ja-JP" altLang="en-US"/>
        </a:p>
      </xdr:txBody>
    </xdr:sp>
    <xdr:clientData/>
  </xdr:twoCellAnchor>
  <xdr:twoCellAnchor>
    <xdr:from>
      <xdr:col>9</xdr:col>
      <xdr:colOff>307775</xdr:colOff>
      <xdr:row>40</xdr:row>
      <xdr:rowOff>119439</xdr:rowOff>
    </xdr:from>
    <xdr:to>
      <xdr:col>11</xdr:col>
      <xdr:colOff>44885</xdr:colOff>
      <xdr:row>43</xdr:row>
      <xdr:rowOff>5233</xdr:rowOff>
    </xdr:to>
    <xdr:sp macro="" textlink="">
      <xdr:nvSpPr>
        <xdr:cNvPr id="7" name="AutoShape 12">
          <a:extLst>
            <a:ext uri="{FF2B5EF4-FFF2-40B4-BE49-F238E27FC236}">
              <a16:creationId xmlns:a16="http://schemas.microsoft.com/office/drawing/2014/main" id="{39CC94D5-03D3-496D-A293-1F4B2449C300}"/>
            </a:ext>
          </a:extLst>
        </xdr:cNvPr>
        <xdr:cNvSpPr>
          <a:spLocks noChangeArrowheads="1"/>
        </xdr:cNvSpPr>
      </xdr:nvSpPr>
      <xdr:spPr bwMode="auto">
        <a:xfrm>
          <a:off x="5794175" y="6901239"/>
          <a:ext cx="956310" cy="388714"/>
        </a:xfrm>
        <a:prstGeom prst="wedgeRoundRectCallout">
          <a:avLst>
            <a:gd name="adj1" fmla="val -35526"/>
            <a:gd name="adj2" fmla="val -148980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昭和46年～49年</a:t>
          </a: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第２次ﾍﾞﾋﾞｰﾌﾞｰﾑ</a:t>
          </a:r>
          <a:endParaRPr lang="ja-JP" altLang="en-US"/>
        </a:p>
      </xdr:txBody>
    </xdr:sp>
    <xdr:clientData/>
  </xdr:twoCellAnchor>
  <xdr:twoCellAnchor>
    <xdr:from>
      <xdr:col>5</xdr:col>
      <xdr:colOff>209550</xdr:colOff>
      <xdr:row>4</xdr:row>
      <xdr:rowOff>28575</xdr:rowOff>
    </xdr:from>
    <xdr:to>
      <xdr:col>6</xdr:col>
      <xdr:colOff>238125</xdr:colOff>
      <xdr:row>5</xdr:row>
      <xdr:rowOff>123825</xdr:rowOff>
    </xdr:to>
    <xdr:sp macro="" textlink="">
      <xdr:nvSpPr>
        <xdr:cNvPr id="8" name="Text Box 13">
          <a:extLst>
            <a:ext uri="{FF2B5EF4-FFF2-40B4-BE49-F238E27FC236}">
              <a16:creationId xmlns:a16="http://schemas.microsoft.com/office/drawing/2014/main" id="{C00847A9-B32A-47A6-BCA7-CB9015545DFC}"/>
            </a:ext>
          </a:extLst>
        </xdr:cNvPr>
        <xdr:cNvSpPr txBox="1">
          <a:spLocks noChangeArrowheads="1"/>
        </xdr:cNvSpPr>
      </xdr:nvSpPr>
      <xdr:spPr bwMode="auto">
        <a:xfrm>
          <a:off x="3257550" y="775335"/>
          <a:ext cx="638175" cy="26289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年齢(歳)</a:t>
          </a:r>
          <a:endParaRPr lang="ja-JP" altLang="en-US"/>
        </a:p>
      </xdr:txBody>
    </xdr:sp>
    <xdr:clientData/>
  </xdr:twoCellAnchor>
  <xdr:twoCellAnchor>
    <xdr:from>
      <xdr:col>0</xdr:col>
      <xdr:colOff>104775</xdr:colOff>
      <xdr:row>70</xdr:row>
      <xdr:rowOff>114300</xdr:rowOff>
    </xdr:from>
    <xdr:to>
      <xdr:col>0</xdr:col>
      <xdr:colOff>428625</xdr:colOff>
      <xdr:row>71</xdr:row>
      <xdr:rowOff>152400</xdr:rowOff>
    </xdr:to>
    <xdr:sp macro="" textlink="">
      <xdr:nvSpPr>
        <xdr:cNvPr id="9" name="Text Box 14">
          <a:extLst>
            <a:ext uri="{FF2B5EF4-FFF2-40B4-BE49-F238E27FC236}">
              <a16:creationId xmlns:a16="http://schemas.microsoft.com/office/drawing/2014/main" id="{B9E9FB97-DD9C-4E6A-B22F-44B006969ABA}"/>
            </a:ext>
          </a:extLst>
        </xdr:cNvPr>
        <xdr:cNvSpPr txBox="1">
          <a:spLocks noChangeArrowheads="1"/>
        </xdr:cNvSpPr>
      </xdr:nvSpPr>
      <xdr:spPr bwMode="auto">
        <a:xfrm>
          <a:off x="104775" y="11925300"/>
          <a:ext cx="323850" cy="20574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(人)</a:t>
          </a:r>
          <a:endParaRPr lang="ja-JP" altLang="en-US"/>
        </a:p>
      </xdr:txBody>
    </xdr:sp>
    <xdr:clientData/>
  </xdr:twoCellAnchor>
  <xdr:twoCellAnchor>
    <xdr:from>
      <xdr:col>11</xdr:col>
      <xdr:colOff>28575</xdr:colOff>
      <xdr:row>70</xdr:row>
      <xdr:rowOff>114300</xdr:rowOff>
    </xdr:from>
    <xdr:to>
      <xdr:col>11</xdr:col>
      <xdr:colOff>352425</xdr:colOff>
      <xdr:row>71</xdr:row>
      <xdr:rowOff>152400</xdr:rowOff>
    </xdr:to>
    <xdr:sp macro="" textlink="">
      <xdr:nvSpPr>
        <xdr:cNvPr id="10" name="Text Box 15">
          <a:extLst>
            <a:ext uri="{FF2B5EF4-FFF2-40B4-BE49-F238E27FC236}">
              <a16:creationId xmlns:a16="http://schemas.microsoft.com/office/drawing/2014/main" id="{9C3ABB49-A314-4186-A16E-C1DE83F53DD3}"/>
            </a:ext>
          </a:extLst>
        </xdr:cNvPr>
        <xdr:cNvSpPr txBox="1">
          <a:spLocks noChangeArrowheads="1"/>
        </xdr:cNvSpPr>
      </xdr:nvSpPr>
      <xdr:spPr bwMode="auto">
        <a:xfrm>
          <a:off x="6734175" y="11925300"/>
          <a:ext cx="323850" cy="20574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(人)</a:t>
          </a:r>
          <a:endParaRPr lang="ja-JP" altLang="en-US"/>
        </a:p>
      </xdr:txBody>
    </xdr:sp>
    <xdr:clientData/>
  </xdr:twoCellAnchor>
  <xdr:twoCellAnchor>
    <xdr:from>
      <xdr:col>0</xdr:col>
      <xdr:colOff>123825</xdr:colOff>
      <xdr:row>68</xdr:row>
      <xdr:rowOff>104775</xdr:rowOff>
    </xdr:from>
    <xdr:to>
      <xdr:col>5</xdr:col>
      <xdr:colOff>114300</xdr:colOff>
      <xdr:row>70</xdr:row>
      <xdr:rowOff>19050</xdr:rowOff>
    </xdr:to>
    <xdr:sp macro="" textlink="">
      <xdr:nvSpPr>
        <xdr:cNvPr id="11" name="Text Box 21">
          <a:extLst>
            <a:ext uri="{FF2B5EF4-FFF2-40B4-BE49-F238E27FC236}">
              <a16:creationId xmlns:a16="http://schemas.microsoft.com/office/drawing/2014/main" id="{909E4A1D-B433-435B-8707-66464B1573B1}"/>
            </a:ext>
          </a:extLst>
        </xdr:cNvPr>
        <xdr:cNvSpPr txBox="1">
          <a:spLocks noChangeArrowheads="1"/>
        </xdr:cNvSpPr>
      </xdr:nvSpPr>
      <xdr:spPr bwMode="auto">
        <a:xfrm>
          <a:off x="123825" y="11580495"/>
          <a:ext cx="3038475" cy="24955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 5,000　      4,000      3,000   　  2,000    　 1,000</a:t>
          </a:r>
          <a:endParaRPr lang="ja-JP" altLang="en-US"/>
        </a:p>
      </xdr:txBody>
    </xdr:sp>
    <xdr:clientData/>
  </xdr:twoCellAnchor>
  <xdr:twoCellAnchor>
    <xdr:from>
      <xdr:col>1</xdr:col>
      <xdr:colOff>104775</xdr:colOff>
      <xdr:row>8</xdr:row>
      <xdr:rowOff>72020</xdr:rowOff>
    </xdr:from>
    <xdr:to>
      <xdr:col>1</xdr:col>
      <xdr:colOff>495300</xdr:colOff>
      <xdr:row>9</xdr:row>
      <xdr:rowOff>43909</xdr:rowOff>
    </xdr:to>
    <xdr:sp macro="" textlink="">
      <xdr:nvSpPr>
        <xdr:cNvPr id="12" name="Text Box 3">
          <a:extLst>
            <a:ext uri="{FF2B5EF4-FFF2-40B4-BE49-F238E27FC236}">
              <a16:creationId xmlns:a16="http://schemas.microsoft.com/office/drawing/2014/main" id="{12279BFB-A2C8-4AC8-8F5E-D7399FFF469E}"/>
            </a:ext>
          </a:extLst>
        </xdr:cNvPr>
        <xdr:cNvSpPr txBox="1">
          <a:spLocks noChangeArrowheads="1"/>
        </xdr:cNvSpPr>
      </xdr:nvSpPr>
      <xdr:spPr bwMode="auto">
        <a:xfrm>
          <a:off x="714375" y="1489340"/>
          <a:ext cx="390525" cy="139529"/>
        </a:xfrm>
        <a:prstGeom prst="rect">
          <a:avLst/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0</xdr:row>
      <xdr:rowOff>10222</xdr:rowOff>
    </xdr:from>
    <xdr:to>
      <xdr:col>1</xdr:col>
      <xdr:colOff>495300</xdr:colOff>
      <xdr:row>10</xdr:row>
      <xdr:rowOff>153562</xdr:rowOff>
    </xdr:to>
    <xdr:sp macro="" textlink="">
      <xdr:nvSpPr>
        <xdr:cNvPr id="13" name="Text Box 4">
          <a:extLst>
            <a:ext uri="{FF2B5EF4-FFF2-40B4-BE49-F238E27FC236}">
              <a16:creationId xmlns:a16="http://schemas.microsoft.com/office/drawing/2014/main" id="{DEFC37E4-56DE-43AB-AEA1-D01797DC45F9}"/>
            </a:ext>
          </a:extLst>
        </xdr:cNvPr>
        <xdr:cNvSpPr txBox="1">
          <a:spLocks noChangeArrowheads="1"/>
        </xdr:cNvSpPr>
      </xdr:nvSpPr>
      <xdr:spPr bwMode="auto">
        <a:xfrm>
          <a:off x="714375" y="1762822"/>
          <a:ext cx="390525" cy="143340"/>
        </a:xfrm>
        <a:prstGeom prst="rect">
          <a:avLst/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1</xdr:row>
      <xdr:rowOff>110582</xdr:rowOff>
    </xdr:from>
    <xdr:to>
      <xdr:col>1</xdr:col>
      <xdr:colOff>495300</xdr:colOff>
      <xdr:row>12</xdr:row>
      <xdr:rowOff>82471</xdr:rowOff>
    </xdr:to>
    <xdr:sp macro="" textlink="">
      <xdr:nvSpPr>
        <xdr:cNvPr id="14" name="Text Box 5">
          <a:extLst>
            <a:ext uri="{FF2B5EF4-FFF2-40B4-BE49-F238E27FC236}">
              <a16:creationId xmlns:a16="http://schemas.microsoft.com/office/drawing/2014/main" id="{DEA12FD3-BF5C-4E86-8E12-2A4FA6D47F16}"/>
            </a:ext>
          </a:extLst>
        </xdr:cNvPr>
        <xdr:cNvSpPr txBox="1">
          <a:spLocks noChangeArrowheads="1"/>
        </xdr:cNvSpPr>
      </xdr:nvSpPr>
      <xdr:spPr bwMode="auto">
        <a:xfrm>
          <a:off x="714375" y="2030822"/>
          <a:ext cx="390525" cy="139529"/>
        </a:xfrm>
        <a:prstGeom prst="rect">
          <a:avLst/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628650</xdr:colOff>
      <xdr:row>8</xdr:row>
      <xdr:rowOff>38100</xdr:rowOff>
    </xdr:from>
    <xdr:to>
      <xdr:col>4</xdr:col>
      <xdr:colOff>481825</xdr:colOff>
      <xdr:row>9</xdr:row>
      <xdr:rowOff>88158</xdr:rowOff>
    </xdr:to>
    <xdr:sp macro="" textlink="">
      <xdr:nvSpPr>
        <xdr:cNvPr id="15" name="Text Box 6">
          <a:extLst>
            <a:ext uri="{FF2B5EF4-FFF2-40B4-BE49-F238E27FC236}">
              <a16:creationId xmlns:a16="http://schemas.microsoft.com/office/drawing/2014/main" id="{79223C29-1CA2-44A3-B617-C025B19C4975}"/>
            </a:ext>
          </a:extLst>
        </xdr:cNvPr>
        <xdr:cNvSpPr txBox="1">
          <a:spLocks noChangeArrowheads="1"/>
        </xdr:cNvSpPr>
      </xdr:nvSpPr>
      <xdr:spPr bwMode="auto">
        <a:xfrm>
          <a:off x="1215390" y="1455420"/>
          <a:ext cx="1704835" cy="217698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65歳以上  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122,760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(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30.2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%)</a:t>
          </a: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%)</a:t>
          </a:r>
          <a:endParaRPr lang="ja-JP" altLang="en-US" sz="800" b="1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ctr" rtl="0">
            <a:defRPr sz="1000"/>
          </a:pPr>
          <a:endParaRPr lang="ja-JP" altLang="en-US" b="1"/>
        </a:p>
      </xdr:txBody>
    </xdr:sp>
    <xdr:clientData/>
  </xdr:twoCellAnchor>
  <xdr:twoCellAnchor>
    <xdr:from>
      <xdr:col>1</xdr:col>
      <xdr:colOff>628650</xdr:colOff>
      <xdr:row>9</xdr:row>
      <xdr:rowOff>143804</xdr:rowOff>
    </xdr:from>
    <xdr:to>
      <xdr:col>4</xdr:col>
      <xdr:colOff>481825</xdr:colOff>
      <xdr:row>11</xdr:row>
      <xdr:rowOff>21948</xdr:rowOff>
    </xdr:to>
    <xdr:sp macro="" textlink="">
      <xdr:nvSpPr>
        <xdr:cNvPr id="16" name="Text Box 6">
          <a:extLst>
            <a:ext uri="{FF2B5EF4-FFF2-40B4-BE49-F238E27FC236}">
              <a16:creationId xmlns:a16="http://schemas.microsoft.com/office/drawing/2014/main" id="{80BBF07C-E68F-49D5-B69E-A1757DD4C724}"/>
            </a:ext>
          </a:extLst>
        </xdr:cNvPr>
        <xdr:cNvSpPr txBox="1">
          <a:spLocks noChangeArrowheads="1"/>
        </xdr:cNvSpPr>
      </xdr:nvSpPr>
      <xdr:spPr bwMode="auto">
        <a:xfrm>
          <a:off x="1215390" y="1728764"/>
          <a:ext cx="1704835" cy="213424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15～64歳  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238,104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人(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58.5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%)</a:t>
          </a:r>
          <a:endParaRPr lang="ja-JP" altLang="ja-JP" sz="900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1</xdr:col>
      <xdr:colOff>628650</xdr:colOff>
      <xdr:row>11</xdr:row>
      <xdr:rowOff>78059</xdr:rowOff>
    </xdr:from>
    <xdr:to>
      <xdr:col>4</xdr:col>
      <xdr:colOff>481825</xdr:colOff>
      <xdr:row>12</xdr:row>
      <xdr:rowOff>127652</xdr:rowOff>
    </xdr:to>
    <xdr:sp macro="" textlink="">
      <xdr:nvSpPr>
        <xdr:cNvPr id="17" name="Text Box 6">
          <a:extLst>
            <a:ext uri="{FF2B5EF4-FFF2-40B4-BE49-F238E27FC236}">
              <a16:creationId xmlns:a16="http://schemas.microsoft.com/office/drawing/2014/main" id="{4E7236BE-9D9A-461A-BD24-32BB7A616350}"/>
            </a:ext>
          </a:extLst>
        </xdr:cNvPr>
        <xdr:cNvSpPr txBox="1">
          <a:spLocks noChangeArrowheads="1"/>
        </xdr:cNvSpPr>
      </xdr:nvSpPr>
      <xdr:spPr bwMode="auto">
        <a:xfrm>
          <a:off x="1215390" y="1998299"/>
          <a:ext cx="1704835" cy="217233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 0～14歳   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46,194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人(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11.3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%)</a:t>
          </a:r>
          <a:endParaRPr lang="ja-JP" altLang="ja-JP" sz="900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468</cdr:x>
      <cdr:y>0.04764</cdr:y>
    </cdr:from>
    <cdr:to>
      <cdr:x>0.81619</cdr:x>
      <cdr:y>0.09974</cdr:y>
    </cdr:to>
    <cdr:sp macro="" textlink="">
      <cdr:nvSpPr>
        <cdr:cNvPr id="268289" name="Rectangle 1"/>
        <cdr:cNvSpPr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1787538" y="532274"/>
          <a:ext cx="1329920" cy="582152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18288" tIns="18288" rIns="0" bIns="0" anchor="ctr" anchorCtr="0" upright="1"/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人口　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407,058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 男  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198,631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 女　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208,427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  <a:endParaRPr lang="ja-JP" altLang="en-US"/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>
        <row r="3">
          <cell r="A3">
            <v>0</v>
          </cell>
          <cell r="C3" t="str">
            <v xml:space="preserve">   　0</v>
          </cell>
          <cell r="D3">
            <v>-1263</v>
          </cell>
          <cell r="E3">
            <v>1223</v>
          </cell>
        </row>
        <row r="4">
          <cell r="A4">
            <v>1</v>
          </cell>
          <cell r="C4" t="str">
            <v xml:space="preserve">   　1</v>
          </cell>
          <cell r="D4">
            <v>-1351</v>
          </cell>
          <cell r="E4">
            <v>1256</v>
          </cell>
        </row>
        <row r="5">
          <cell r="A5">
            <v>2</v>
          </cell>
          <cell r="C5" t="str">
            <v xml:space="preserve">   　2</v>
          </cell>
          <cell r="D5">
            <v>-1361</v>
          </cell>
          <cell r="E5">
            <v>1326</v>
          </cell>
        </row>
        <row r="6">
          <cell r="A6">
            <v>3</v>
          </cell>
          <cell r="C6" t="str">
            <v xml:space="preserve">   　3</v>
          </cell>
          <cell r="D6">
            <v>-1435</v>
          </cell>
          <cell r="E6">
            <v>1387</v>
          </cell>
        </row>
        <row r="7">
          <cell r="A7">
            <v>4</v>
          </cell>
          <cell r="C7" t="str">
            <v xml:space="preserve">   　4</v>
          </cell>
          <cell r="D7">
            <v>-1493</v>
          </cell>
          <cell r="E7">
            <v>1443</v>
          </cell>
        </row>
        <row r="8">
          <cell r="A8">
            <v>5</v>
          </cell>
          <cell r="C8" t="str">
            <v xml:space="preserve">   　5</v>
          </cell>
          <cell r="D8">
            <v>-1535</v>
          </cell>
          <cell r="E8">
            <v>1488</v>
          </cell>
        </row>
        <row r="9">
          <cell r="A9">
            <v>6</v>
          </cell>
          <cell r="C9" t="str">
            <v xml:space="preserve">   　6</v>
          </cell>
          <cell r="D9">
            <v>-1573</v>
          </cell>
          <cell r="E9">
            <v>1493</v>
          </cell>
        </row>
        <row r="10">
          <cell r="A10">
            <v>7</v>
          </cell>
          <cell r="C10" t="str">
            <v xml:space="preserve">   　7</v>
          </cell>
          <cell r="D10">
            <v>-1663</v>
          </cell>
          <cell r="E10">
            <v>1579</v>
          </cell>
        </row>
        <row r="11">
          <cell r="A11">
            <v>8</v>
          </cell>
          <cell r="C11" t="str">
            <v xml:space="preserve">   　8</v>
          </cell>
          <cell r="D11">
            <v>-1658</v>
          </cell>
          <cell r="E11">
            <v>1549</v>
          </cell>
        </row>
        <row r="12">
          <cell r="A12">
            <v>9</v>
          </cell>
          <cell r="C12" t="str">
            <v xml:space="preserve">   　9</v>
          </cell>
          <cell r="D12">
            <v>-1578</v>
          </cell>
          <cell r="E12">
            <v>1570</v>
          </cell>
        </row>
        <row r="13">
          <cell r="A13">
            <v>10</v>
          </cell>
          <cell r="C13" t="str">
            <v xml:space="preserve">  　10</v>
          </cell>
          <cell r="D13">
            <v>-1662</v>
          </cell>
          <cell r="E13">
            <v>1611</v>
          </cell>
        </row>
        <row r="14">
          <cell r="A14">
            <v>11</v>
          </cell>
          <cell r="C14" t="str">
            <v xml:space="preserve">  　11</v>
          </cell>
          <cell r="D14">
            <v>-1722</v>
          </cell>
          <cell r="E14">
            <v>1610</v>
          </cell>
        </row>
        <row r="15">
          <cell r="A15">
            <v>12</v>
          </cell>
          <cell r="C15" t="str">
            <v xml:space="preserve">  　12</v>
          </cell>
          <cell r="D15">
            <v>-1761</v>
          </cell>
          <cell r="E15">
            <v>1650</v>
          </cell>
        </row>
        <row r="16">
          <cell r="A16">
            <v>13</v>
          </cell>
          <cell r="C16" t="str">
            <v xml:space="preserve">  　13</v>
          </cell>
          <cell r="D16">
            <v>-1792</v>
          </cell>
          <cell r="E16">
            <v>1706</v>
          </cell>
        </row>
        <row r="17">
          <cell r="A17">
            <v>14</v>
          </cell>
          <cell r="C17" t="str">
            <v xml:space="preserve">  　14</v>
          </cell>
          <cell r="D17">
            <v>-1791</v>
          </cell>
          <cell r="E17">
            <v>1665</v>
          </cell>
        </row>
        <row r="18">
          <cell r="A18">
            <v>15</v>
          </cell>
          <cell r="C18" t="str">
            <v xml:space="preserve">  　15</v>
          </cell>
          <cell r="D18">
            <v>-1848</v>
          </cell>
          <cell r="E18">
            <v>1802</v>
          </cell>
        </row>
        <row r="19">
          <cell r="A19">
            <v>16</v>
          </cell>
          <cell r="C19" t="str">
            <v xml:space="preserve">  　16</v>
          </cell>
          <cell r="D19">
            <v>-1789</v>
          </cell>
          <cell r="E19">
            <v>1738</v>
          </cell>
        </row>
        <row r="20">
          <cell r="A20">
            <v>17</v>
          </cell>
          <cell r="C20" t="str">
            <v xml:space="preserve">  　17</v>
          </cell>
          <cell r="D20">
            <v>-1868</v>
          </cell>
          <cell r="E20">
            <v>1775</v>
          </cell>
        </row>
        <row r="21">
          <cell r="A21">
            <v>18</v>
          </cell>
          <cell r="C21" t="str">
            <v xml:space="preserve">  　18</v>
          </cell>
          <cell r="D21">
            <v>-1905</v>
          </cell>
          <cell r="E21">
            <v>1735</v>
          </cell>
        </row>
        <row r="22">
          <cell r="A22">
            <v>19</v>
          </cell>
          <cell r="C22" t="str">
            <v xml:space="preserve">  　19</v>
          </cell>
          <cell r="D22">
            <v>-2022</v>
          </cell>
          <cell r="E22">
            <v>1916</v>
          </cell>
        </row>
        <row r="23">
          <cell r="A23">
            <v>20</v>
          </cell>
          <cell r="C23" t="str">
            <v xml:space="preserve">  　20</v>
          </cell>
          <cell r="D23">
            <v>-1978</v>
          </cell>
          <cell r="E23">
            <v>1856</v>
          </cell>
        </row>
        <row r="24">
          <cell r="A24">
            <v>21</v>
          </cell>
          <cell r="C24" t="str">
            <v xml:space="preserve">  　21</v>
          </cell>
          <cell r="D24">
            <v>-2178</v>
          </cell>
          <cell r="E24">
            <v>1896</v>
          </cell>
        </row>
        <row r="25">
          <cell r="A25">
            <v>22</v>
          </cell>
          <cell r="C25" t="str">
            <v xml:space="preserve">  　22</v>
          </cell>
          <cell r="D25">
            <v>-2182</v>
          </cell>
          <cell r="E25">
            <v>1933</v>
          </cell>
        </row>
        <row r="26">
          <cell r="A26">
            <v>23</v>
          </cell>
          <cell r="C26" t="str">
            <v xml:space="preserve">  　23</v>
          </cell>
          <cell r="D26">
            <v>-2243</v>
          </cell>
          <cell r="E26">
            <v>1806</v>
          </cell>
        </row>
        <row r="27">
          <cell r="A27">
            <v>24</v>
          </cell>
          <cell r="C27" t="str">
            <v xml:space="preserve">  　24</v>
          </cell>
          <cell r="D27">
            <v>-2120</v>
          </cell>
          <cell r="E27">
            <v>1867</v>
          </cell>
        </row>
        <row r="28">
          <cell r="A28">
            <v>25</v>
          </cell>
          <cell r="C28" t="str">
            <v xml:space="preserve">  　25</v>
          </cell>
          <cell r="D28">
            <v>-2213</v>
          </cell>
          <cell r="E28">
            <v>1842</v>
          </cell>
        </row>
        <row r="29">
          <cell r="A29">
            <v>26</v>
          </cell>
          <cell r="C29" t="str">
            <v xml:space="preserve">  　26</v>
          </cell>
          <cell r="D29">
            <v>-2123</v>
          </cell>
          <cell r="E29">
            <v>1857</v>
          </cell>
        </row>
        <row r="30">
          <cell r="A30">
            <v>27</v>
          </cell>
          <cell r="C30" t="str">
            <v xml:space="preserve">  　27</v>
          </cell>
          <cell r="D30">
            <v>-2210</v>
          </cell>
          <cell r="E30">
            <v>1884</v>
          </cell>
        </row>
        <row r="31">
          <cell r="A31">
            <v>28</v>
          </cell>
          <cell r="C31" t="str">
            <v xml:space="preserve">  　28</v>
          </cell>
          <cell r="D31">
            <v>-2195</v>
          </cell>
          <cell r="E31">
            <v>1880</v>
          </cell>
        </row>
        <row r="32">
          <cell r="A32">
            <v>29</v>
          </cell>
          <cell r="C32" t="str">
            <v xml:space="preserve">  　29</v>
          </cell>
          <cell r="D32">
            <v>-2130</v>
          </cell>
          <cell r="E32">
            <v>1821</v>
          </cell>
        </row>
        <row r="33">
          <cell r="A33">
            <v>30</v>
          </cell>
          <cell r="C33" t="str">
            <v xml:space="preserve">  　30</v>
          </cell>
          <cell r="D33">
            <v>-2053</v>
          </cell>
          <cell r="E33">
            <v>1894</v>
          </cell>
        </row>
        <row r="34">
          <cell r="A34">
            <v>31</v>
          </cell>
          <cell r="C34" t="str">
            <v xml:space="preserve">  　31</v>
          </cell>
          <cell r="D34">
            <v>-1997</v>
          </cell>
          <cell r="E34">
            <v>1791</v>
          </cell>
        </row>
        <row r="35">
          <cell r="A35">
            <v>32</v>
          </cell>
          <cell r="C35" t="str">
            <v xml:space="preserve">  　32</v>
          </cell>
          <cell r="D35">
            <v>-2030</v>
          </cell>
          <cell r="E35">
            <v>1814</v>
          </cell>
        </row>
        <row r="36">
          <cell r="A36">
            <v>33</v>
          </cell>
          <cell r="C36" t="str">
            <v xml:space="preserve">  　33</v>
          </cell>
          <cell r="D36">
            <v>-2130</v>
          </cell>
          <cell r="E36">
            <v>1890</v>
          </cell>
        </row>
        <row r="37">
          <cell r="A37">
            <v>34</v>
          </cell>
          <cell r="C37" t="str">
            <v xml:space="preserve">  　34</v>
          </cell>
          <cell r="D37">
            <v>-2181</v>
          </cell>
          <cell r="E37">
            <v>1893</v>
          </cell>
        </row>
        <row r="38">
          <cell r="A38">
            <v>35</v>
          </cell>
          <cell r="C38" t="str">
            <v xml:space="preserve">  　35</v>
          </cell>
          <cell r="D38">
            <v>-2164</v>
          </cell>
          <cell r="E38">
            <v>1923</v>
          </cell>
        </row>
        <row r="39">
          <cell r="A39">
            <v>36</v>
          </cell>
          <cell r="C39" t="str">
            <v xml:space="preserve">  　36</v>
          </cell>
          <cell r="D39">
            <v>-2156</v>
          </cell>
          <cell r="E39">
            <v>2080</v>
          </cell>
        </row>
        <row r="40">
          <cell r="A40">
            <v>37</v>
          </cell>
          <cell r="C40" t="str">
            <v xml:space="preserve">  　37</v>
          </cell>
          <cell r="D40">
            <v>-2288</v>
          </cell>
          <cell r="E40">
            <v>2165</v>
          </cell>
        </row>
        <row r="41">
          <cell r="A41">
            <v>38</v>
          </cell>
          <cell r="C41" t="str">
            <v xml:space="preserve">  　38</v>
          </cell>
          <cell r="D41">
            <v>-2363</v>
          </cell>
          <cell r="E41">
            <v>2252</v>
          </cell>
        </row>
        <row r="42">
          <cell r="A42">
            <v>39</v>
          </cell>
          <cell r="C42" t="str">
            <v xml:space="preserve">  　39</v>
          </cell>
          <cell r="D42">
            <v>-2440</v>
          </cell>
          <cell r="E42">
            <v>2219</v>
          </cell>
        </row>
        <row r="43">
          <cell r="A43">
            <v>40</v>
          </cell>
          <cell r="C43" t="str">
            <v xml:space="preserve">  　40</v>
          </cell>
          <cell r="D43">
            <v>-2457</v>
          </cell>
          <cell r="E43">
            <v>2170</v>
          </cell>
        </row>
        <row r="44">
          <cell r="A44">
            <v>41</v>
          </cell>
          <cell r="C44" t="str">
            <v xml:space="preserve">  　41</v>
          </cell>
          <cell r="D44">
            <v>-2480</v>
          </cell>
          <cell r="E44">
            <v>2338</v>
          </cell>
        </row>
        <row r="45">
          <cell r="A45">
            <v>42</v>
          </cell>
          <cell r="C45" t="str">
            <v xml:space="preserve">  　42</v>
          </cell>
          <cell r="D45">
            <v>-2406</v>
          </cell>
          <cell r="E45">
            <v>2362</v>
          </cell>
        </row>
        <row r="46">
          <cell r="A46">
            <v>43</v>
          </cell>
          <cell r="C46" t="str">
            <v xml:space="preserve">  　43</v>
          </cell>
          <cell r="D46">
            <v>-2556</v>
          </cell>
          <cell r="E46">
            <v>2436</v>
          </cell>
        </row>
        <row r="47">
          <cell r="A47">
            <v>44</v>
          </cell>
          <cell r="C47" t="str">
            <v xml:space="preserve">  　44</v>
          </cell>
          <cell r="D47">
            <v>-2646</v>
          </cell>
          <cell r="E47">
            <v>2587</v>
          </cell>
        </row>
        <row r="48">
          <cell r="A48">
            <v>45</v>
          </cell>
          <cell r="C48" t="str">
            <v xml:space="preserve">  　45</v>
          </cell>
          <cell r="D48">
            <v>-2988</v>
          </cell>
          <cell r="E48">
            <v>2646</v>
          </cell>
        </row>
        <row r="49">
          <cell r="A49">
            <v>46</v>
          </cell>
          <cell r="C49" t="str">
            <v xml:space="preserve">  　46</v>
          </cell>
          <cell r="D49">
            <v>-2939</v>
          </cell>
          <cell r="E49">
            <v>2797</v>
          </cell>
        </row>
        <row r="50">
          <cell r="A50">
            <v>47</v>
          </cell>
          <cell r="C50" t="str">
            <v xml:space="preserve">  　47</v>
          </cell>
          <cell r="D50">
            <v>-3173</v>
          </cell>
          <cell r="E50">
            <v>2875</v>
          </cell>
        </row>
        <row r="51">
          <cell r="A51">
            <v>48</v>
          </cell>
          <cell r="C51" t="str">
            <v xml:space="preserve">  　48</v>
          </cell>
          <cell r="D51">
            <v>-3315</v>
          </cell>
          <cell r="E51">
            <v>3270</v>
          </cell>
        </row>
        <row r="52">
          <cell r="A52">
            <v>49</v>
          </cell>
          <cell r="C52" t="str">
            <v xml:space="preserve">  　49</v>
          </cell>
          <cell r="D52">
            <v>-3492</v>
          </cell>
          <cell r="E52">
            <v>3380</v>
          </cell>
        </row>
        <row r="53">
          <cell r="A53">
            <v>50</v>
          </cell>
          <cell r="C53" t="str">
            <v xml:space="preserve">  　50</v>
          </cell>
          <cell r="D53">
            <v>-3540</v>
          </cell>
          <cell r="E53">
            <v>3412</v>
          </cell>
        </row>
        <row r="54">
          <cell r="A54">
            <v>51</v>
          </cell>
          <cell r="C54" t="str">
            <v xml:space="preserve">  　51</v>
          </cell>
          <cell r="D54">
            <v>-3514</v>
          </cell>
          <cell r="E54">
            <v>3373</v>
          </cell>
        </row>
        <row r="55">
          <cell r="A55">
            <v>52</v>
          </cell>
          <cell r="C55" t="str">
            <v xml:space="preserve">  　52</v>
          </cell>
          <cell r="D55">
            <v>-3262</v>
          </cell>
          <cell r="E55">
            <v>3217</v>
          </cell>
        </row>
        <row r="56">
          <cell r="A56">
            <v>53</v>
          </cell>
          <cell r="C56" t="str">
            <v xml:space="preserve">  　53</v>
          </cell>
          <cell r="D56">
            <v>-3149</v>
          </cell>
          <cell r="E56">
            <v>2935</v>
          </cell>
        </row>
        <row r="57">
          <cell r="A57">
            <v>54</v>
          </cell>
          <cell r="C57" t="str">
            <v xml:space="preserve">  　54</v>
          </cell>
          <cell r="D57">
            <v>-3151</v>
          </cell>
          <cell r="E57">
            <v>2916</v>
          </cell>
        </row>
        <row r="58">
          <cell r="A58">
            <v>55</v>
          </cell>
          <cell r="C58" t="str">
            <v xml:space="preserve">  　55</v>
          </cell>
          <cell r="D58">
            <v>-2884</v>
          </cell>
          <cell r="E58">
            <v>2881</v>
          </cell>
        </row>
        <row r="59">
          <cell r="A59">
            <v>56</v>
          </cell>
          <cell r="C59" t="str">
            <v xml:space="preserve">  　56</v>
          </cell>
          <cell r="D59">
            <v>-2856</v>
          </cell>
          <cell r="E59">
            <v>2845</v>
          </cell>
        </row>
        <row r="60">
          <cell r="A60">
            <v>57</v>
          </cell>
          <cell r="C60" t="str">
            <v xml:space="preserve">  　57</v>
          </cell>
          <cell r="D60">
            <v>-2120</v>
          </cell>
          <cell r="E60">
            <v>2165</v>
          </cell>
        </row>
        <row r="61">
          <cell r="A61">
            <v>58</v>
          </cell>
          <cell r="C61" t="str">
            <v xml:space="preserve">  　58</v>
          </cell>
          <cell r="D61">
            <v>-2625</v>
          </cell>
          <cell r="E61">
            <v>2736</v>
          </cell>
        </row>
        <row r="62">
          <cell r="A62">
            <v>59</v>
          </cell>
          <cell r="C62" t="str">
            <v xml:space="preserve">  　59</v>
          </cell>
          <cell r="D62">
            <v>-2532</v>
          </cell>
          <cell r="E62">
            <v>2516</v>
          </cell>
        </row>
        <row r="63">
          <cell r="A63">
            <v>60</v>
          </cell>
          <cell r="C63" t="str">
            <v xml:space="preserve">  　60</v>
          </cell>
          <cell r="D63">
            <v>-2547</v>
          </cell>
          <cell r="E63">
            <v>2529</v>
          </cell>
        </row>
        <row r="64">
          <cell r="A64">
            <v>61</v>
          </cell>
          <cell r="C64" t="str">
            <v xml:space="preserve">  　61</v>
          </cell>
          <cell r="D64">
            <v>-2263</v>
          </cell>
          <cell r="E64">
            <v>2285</v>
          </cell>
        </row>
        <row r="65">
          <cell r="A65">
            <v>62</v>
          </cell>
          <cell r="C65" t="str">
            <v xml:space="preserve">  　62</v>
          </cell>
          <cell r="D65">
            <v>-2272</v>
          </cell>
          <cell r="E65">
            <v>2452</v>
          </cell>
        </row>
        <row r="66">
          <cell r="A66">
            <v>63</v>
          </cell>
          <cell r="C66" t="str">
            <v xml:space="preserve">  　63</v>
          </cell>
          <cell r="D66">
            <v>-2358</v>
          </cell>
          <cell r="E66">
            <v>2402</v>
          </cell>
        </row>
        <row r="67">
          <cell r="A67">
            <v>64</v>
          </cell>
          <cell r="C67" t="str">
            <v xml:space="preserve">  　64</v>
          </cell>
          <cell r="D67">
            <v>-2284</v>
          </cell>
          <cell r="E67">
            <v>2435</v>
          </cell>
        </row>
        <row r="68">
          <cell r="A68">
            <v>65</v>
          </cell>
          <cell r="C68" t="str">
            <v xml:space="preserve">  　65</v>
          </cell>
          <cell r="D68">
            <v>-2212</v>
          </cell>
          <cell r="E68">
            <v>2354</v>
          </cell>
        </row>
        <row r="69">
          <cell r="A69">
            <v>66</v>
          </cell>
          <cell r="C69" t="str">
            <v xml:space="preserve">  　66</v>
          </cell>
          <cell r="D69">
            <v>-2162</v>
          </cell>
          <cell r="E69">
            <v>2237</v>
          </cell>
        </row>
        <row r="70">
          <cell r="A70">
            <v>67</v>
          </cell>
          <cell r="C70" t="str">
            <v xml:space="preserve">  　67</v>
          </cell>
          <cell r="D70">
            <v>-2224</v>
          </cell>
          <cell r="E70">
            <v>2424</v>
          </cell>
        </row>
        <row r="71">
          <cell r="A71">
            <v>68</v>
          </cell>
          <cell r="C71" t="str">
            <v xml:space="preserve">  　68</v>
          </cell>
          <cell r="D71">
            <v>-2446</v>
          </cell>
          <cell r="E71">
            <v>2649</v>
          </cell>
        </row>
        <row r="72">
          <cell r="A72">
            <v>69</v>
          </cell>
          <cell r="C72" t="str">
            <v xml:space="preserve">  　69</v>
          </cell>
          <cell r="D72">
            <v>-2357</v>
          </cell>
          <cell r="E72">
            <v>2522</v>
          </cell>
        </row>
        <row r="73">
          <cell r="A73">
            <v>70</v>
          </cell>
          <cell r="C73" t="str">
            <v xml:space="preserve">  　70</v>
          </cell>
          <cell r="D73">
            <v>-2521</v>
          </cell>
          <cell r="E73">
            <v>2817</v>
          </cell>
        </row>
        <row r="74">
          <cell r="A74">
            <v>71</v>
          </cell>
          <cell r="C74" t="str">
            <v xml:space="preserve">  　71</v>
          </cell>
          <cell r="D74">
            <v>-2516</v>
          </cell>
          <cell r="E74">
            <v>2768</v>
          </cell>
        </row>
        <row r="75">
          <cell r="A75">
            <v>72</v>
          </cell>
          <cell r="C75" t="str">
            <v xml:space="preserve">  　72</v>
          </cell>
          <cell r="D75">
            <v>-2560</v>
          </cell>
          <cell r="E75">
            <v>2961</v>
          </cell>
        </row>
        <row r="76">
          <cell r="A76">
            <v>73</v>
          </cell>
          <cell r="C76" t="str">
            <v xml:space="preserve">  　73</v>
          </cell>
          <cell r="D76">
            <v>-2901</v>
          </cell>
          <cell r="E76">
            <v>3363</v>
          </cell>
        </row>
        <row r="77">
          <cell r="A77">
            <v>74</v>
          </cell>
          <cell r="C77" t="str">
            <v xml:space="preserve">  　74</v>
          </cell>
          <cell r="D77">
            <v>-3222</v>
          </cell>
          <cell r="E77">
            <v>3638</v>
          </cell>
        </row>
        <row r="78">
          <cell r="A78">
            <v>75</v>
          </cell>
          <cell r="C78" t="str">
            <v xml:space="preserve">  　75</v>
          </cell>
          <cell r="D78">
            <v>-3183</v>
          </cell>
          <cell r="E78">
            <v>3733</v>
          </cell>
        </row>
        <row r="79">
          <cell r="A79">
            <v>76</v>
          </cell>
          <cell r="C79" t="str">
            <v xml:space="preserve">  　76</v>
          </cell>
          <cell r="D79">
            <v>-3244</v>
          </cell>
          <cell r="E79">
            <v>4027</v>
          </cell>
        </row>
        <row r="80">
          <cell r="A80">
            <v>77</v>
          </cell>
          <cell r="C80" t="str">
            <v xml:space="preserve">  　77</v>
          </cell>
          <cell r="D80">
            <v>-1657</v>
          </cell>
          <cell r="E80">
            <v>2020</v>
          </cell>
        </row>
        <row r="81">
          <cell r="A81">
            <v>78</v>
          </cell>
          <cell r="C81" t="str">
            <v xml:space="preserve">  　78</v>
          </cell>
          <cell r="D81">
            <v>-1726</v>
          </cell>
          <cell r="E81">
            <v>2223</v>
          </cell>
        </row>
        <row r="82">
          <cell r="A82">
            <v>79</v>
          </cell>
          <cell r="C82" t="str">
            <v xml:space="preserve">  　79</v>
          </cell>
          <cell r="D82">
            <v>-2169</v>
          </cell>
          <cell r="E82">
            <v>2916</v>
          </cell>
        </row>
        <row r="83">
          <cell r="A83">
            <v>80</v>
          </cell>
          <cell r="C83" t="str">
            <v xml:space="preserve">  　80</v>
          </cell>
          <cell r="D83">
            <v>-1935</v>
          </cell>
          <cell r="E83">
            <v>2638</v>
          </cell>
        </row>
        <row r="84">
          <cell r="A84">
            <v>81</v>
          </cell>
          <cell r="C84" t="str">
            <v xml:space="preserve">  　81</v>
          </cell>
          <cell r="D84">
            <v>-2021</v>
          </cell>
          <cell r="E84">
            <v>2815</v>
          </cell>
        </row>
        <row r="85">
          <cell r="A85">
            <v>82</v>
          </cell>
          <cell r="C85" t="str">
            <v xml:space="preserve">  　82</v>
          </cell>
          <cell r="D85">
            <v>-1752</v>
          </cell>
          <cell r="E85">
            <v>2494</v>
          </cell>
        </row>
        <row r="86">
          <cell r="A86">
            <v>83</v>
          </cell>
          <cell r="C86" t="str">
            <v xml:space="preserve">  　83</v>
          </cell>
          <cell r="D86">
            <v>-1499</v>
          </cell>
          <cell r="E86">
            <v>2162</v>
          </cell>
        </row>
        <row r="87">
          <cell r="A87">
            <v>84</v>
          </cell>
          <cell r="C87" t="str">
            <v xml:space="preserve">  　84</v>
          </cell>
          <cell r="D87">
            <v>-1169</v>
          </cell>
          <cell r="E87">
            <v>1760</v>
          </cell>
        </row>
        <row r="88">
          <cell r="A88">
            <v>85</v>
          </cell>
          <cell r="C88" t="str">
            <v xml:space="preserve">  　85</v>
          </cell>
          <cell r="D88">
            <v>-1125</v>
          </cell>
          <cell r="E88">
            <v>1766</v>
          </cell>
        </row>
        <row r="89">
          <cell r="A89">
            <v>86</v>
          </cell>
          <cell r="C89" t="str">
            <v xml:space="preserve">  　86</v>
          </cell>
          <cell r="D89">
            <v>-1078</v>
          </cell>
          <cell r="E89">
            <v>1855</v>
          </cell>
        </row>
        <row r="90">
          <cell r="A90">
            <v>87</v>
          </cell>
          <cell r="C90" t="str">
            <v xml:space="preserve">  　87</v>
          </cell>
          <cell r="D90">
            <v>-974</v>
          </cell>
          <cell r="E90">
            <v>1983</v>
          </cell>
        </row>
        <row r="91">
          <cell r="A91">
            <v>88</v>
          </cell>
          <cell r="C91" t="str">
            <v xml:space="preserve">  　88</v>
          </cell>
          <cell r="D91">
            <v>-771</v>
          </cell>
          <cell r="E91">
            <v>1445</v>
          </cell>
        </row>
        <row r="92">
          <cell r="A92">
            <v>89</v>
          </cell>
          <cell r="C92" t="str">
            <v xml:space="preserve">  　89</v>
          </cell>
          <cell r="D92">
            <v>-692</v>
          </cell>
          <cell r="E92">
            <v>1511</v>
          </cell>
        </row>
        <row r="93">
          <cell r="A93">
            <v>90</v>
          </cell>
          <cell r="C93" t="str">
            <v xml:space="preserve">  　90</v>
          </cell>
          <cell r="D93">
            <v>-557</v>
          </cell>
          <cell r="E93">
            <v>1438</v>
          </cell>
        </row>
        <row r="94">
          <cell r="A94">
            <v>91</v>
          </cell>
          <cell r="C94" t="str">
            <v xml:space="preserve">  　91</v>
          </cell>
          <cell r="D94">
            <v>-409</v>
          </cell>
          <cell r="E94">
            <v>1258</v>
          </cell>
        </row>
        <row r="95">
          <cell r="A95">
            <v>92</v>
          </cell>
          <cell r="C95" t="str">
            <v xml:space="preserve">  　92</v>
          </cell>
          <cell r="D95">
            <v>-361</v>
          </cell>
          <cell r="E95">
            <v>1047</v>
          </cell>
        </row>
        <row r="96">
          <cell r="A96">
            <v>93</v>
          </cell>
          <cell r="C96" t="str">
            <v xml:space="preserve">  　93</v>
          </cell>
          <cell r="D96">
            <v>-272</v>
          </cell>
          <cell r="E96">
            <v>798</v>
          </cell>
        </row>
        <row r="97">
          <cell r="A97">
            <v>94</v>
          </cell>
          <cell r="C97" t="str">
            <v xml:space="preserve">  　94</v>
          </cell>
          <cell r="D97">
            <v>-203</v>
          </cell>
          <cell r="E97">
            <v>709</v>
          </cell>
        </row>
        <row r="98">
          <cell r="A98">
            <v>95</v>
          </cell>
          <cell r="C98" t="str">
            <v xml:space="preserve">  　95</v>
          </cell>
          <cell r="D98">
            <v>-148</v>
          </cell>
          <cell r="E98">
            <v>551</v>
          </cell>
        </row>
        <row r="99">
          <cell r="A99">
            <v>96</v>
          </cell>
          <cell r="C99" t="str">
            <v xml:space="preserve">  　96</v>
          </cell>
          <cell r="D99">
            <v>-116</v>
          </cell>
          <cell r="E99">
            <v>429</v>
          </cell>
        </row>
        <row r="100">
          <cell r="A100">
            <v>97</v>
          </cell>
          <cell r="C100" t="str">
            <v xml:space="preserve">  　97</v>
          </cell>
          <cell r="D100">
            <v>-86</v>
          </cell>
          <cell r="E100">
            <v>344</v>
          </cell>
        </row>
        <row r="101">
          <cell r="A101">
            <v>98</v>
          </cell>
          <cell r="C101" t="str">
            <v xml:space="preserve">  　98</v>
          </cell>
          <cell r="D101">
            <v>-36</v>
          </cell>
          <cell r="E101">
            <v>267</v>
          </cell>
        </row>
        <row r="102">
          <cell r="A102">
            <v>99</v>
          </cell>
          <cell r="C102" t="str">
            <v xml:space="preserve">  　99</v>
          </cell>
          <cell r="D102">
            <v>-32</v>
          </cell>
          <cell r="E102">
            <v>153</v>
          </cell>
        </row>
        <row r="103">
          <cell r="A103">
            <v>100</v>
          </cell>
          <cell r="C103" t="str">
            <v xml:space="preserve">   100</v>
          </cell>
          <cell r="D103">
            <v>-16</v>
          </cell>
          <cell r="E103">
            <v>108</v>
          </cell>
        </row>
        <row r="104">
          <cell r="A104" t="str">
            <v xml:space="preserve">   101-</v>
          </cell>
          <cell r="C104" t="str">
            <v xml:space="preserve">   101-</v>
          </cell>
          <cell r="D104">
            <v>-26</v>
          </cell>
          <cell r="E104">
            <v>199</v>
          </cell>
        </row>
        <row r="105">
          <cell r="D105">
            <v>0</v>
          </cell>
          <cell r="E105">
            <v>0</v>
          </cell>
        </row>
      </sheetData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B97D88-6832-4135-BDC4-21E66C96AD27}">
  <sheetPr codeName="Sheet2">
    <pageSetUpPr fitToPage="1"/>
  </sheetPr>
  <dimension ref="A2:K2"/>
  <sheetViews>
    <sheetView tabSelected="1" defaultGridColor="0" colorId="9" zoomScaleNormal="100" workbookViewId="0"/>
  </sheetViews>
  <sheetFormatPr defaultRowHeight="13.2" x14ac:dyDescent="0.2"/>
  <sheetData>
    <row r="2" spans="1:11" ht="19.2" x14ac:dyDescent="0.25">
      <c r="A2" s="1" t="s">
        <v>0</v>
      </c>
      <c r="B2" s="1"/>
      <c r="C2" s="1"/>
      <c r="D2" s="1"/>
      <c r="E2" s="1"/>
      <c r="F2" s="1"/>
      <c r="G2" s="1"/>
      <c r="H2" s="1"/>
      <c r="I2" s="1"/>
      <c r="J2" s="1"/>
      <c r="K2" s="1"/>
    </row>
  </sheetData>
  <mergeCells count="1">
    <mergeCell ref="A2:K2"/>
  </mergeCells>
  <phoneticPr fontId="2"/>
  <pageMargins left="0.78740157480314965" right="0.31496062992125984" top="0.51181102362204722" bottom="0.86614173228346458" header="0.51181102362204722" footer="0.51181102362204722"/>
  <pageSetup paperSize="9" scale="81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．ピラミッ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6T23:49:08Z</dcterms:created>
  <dcterms:modified xsi:type="dcterms:W3CDTF">2023-11-06T23:49:44Z</dcterms:modified>
</cp:coreProperties>
</file>